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07640A70-E762-40D6-ACF2-DF3D5D74589C}" xr6:coauthVersionLast="45" xr6:coauthVersionMax="45" xr10:uidLastSave="{00000000-0000-0000-0000-000000000000}"/>
  <bookViews>
    <workbookView xWindow="1720" yWindow="31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36" uniqueCount="113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บริษัท</t>
  </si>
  <si>
    <t>ราชบุรี</t>
  </si>
  <si>
    <t>ประจวบคีรีขันธ์</t>
  </si>
  <si>
    <t>สงขลา</t>
  </si>
  <si>
    <t>พะเยา</t>
  </si>
  <si>
    <t>062-597-1997</t>
  </si>
  <si>
    <t>บริษัท ประชารัฐรักสามัคคีพะเยา (วิสาหกิจเพื่อสังคม) จำกัด</t>
  </si>
  <si>
    <t>คุณอนุภา  มณีจันทร์</t>
  </si>
  <si>
    <t>นายปัณนยวรรธน์ วงศ์ไชย</t>
  </si>
  <si>
    <t xml:space="preserve">2/1 หมู่ที่ 5 ตำบลดอนแร่  อำเภอเมืองราชบุรี  จังหวัดราชบุรี </t>
  </si>
  <si>
    <t xml:space="preserve">167/9 หมู่ 3 ถ.พหลโยธิน ตำบลท่าวังทอง อำเภอเมือง  จังหวัดพะเยา   </t>
  </si>
  <si>
    <t>นครราชสีมา</t>
  </si>
  <si>
    <t>กาฬสินธุ์</t>
  </si>
  <si>
    <t>อำนาจเจริญ</t>
  </si>
  <si>
    <t>ลำปาง</t>
  </si>
  <si>
    <t>ยโสธร</t>
  </si>
  <si>
    <t>095-618-6438</t>
  </si>
  <si>
    <t>094-564-1962</t>
  </si>
  <si>
    <t>081-881-8333,086-414-9821</t>
  </si>
  <si>
    <t>0945641962</t>
  </si>
  <si>
    <t>Don Manee กระเป๋าผ้าทอ และผ้าทอมือ</t>
  </si>
  <si>
    <t>บริษัท ประชารัฐรักสามัคคีพะเยา จํากัด</t>
  </si>
  <si>
    <t>wandee888@gmail.com</t>
  </si>
  <si>
    <t>pracharathphayao@gmail.com</t>
  </si>
  <si>
    <t>พัทลุง</t>
  </si>
  <si>
    <t xml:space="preserve">VIM DESIGN </t>
  </si>
  <si>
    <t>081-930-8157</t>
  </si>
  <si>
    <t>093-574-5683</t>
  </si>
  <si>
    <t>สมุทรสาคร</t>
  </si>
  <si>
    <t>บริษัท ประชารัฐรักสามัคคีภูเก็ต (วิสาหกิจเพื่อสังคม) จำกัด</t>
  </si>
  <si>
    <t xml:space="preserve">บริษัท ประชารัฐรักสามัคคีกาฬสินธุ์ (วิสาหกิจเพื่อสังคม) จำกัด </t>
  </si>
  <si>
    <t>บริษัท ประชารัฐรักสามัคคีอำนาจเจริญ (วิสาหกิจเพื่อสังคม) จำกัด</t>
  </si>
  <si>
    <t>แดงเบญจรงค์</t>
  </si>
  <si>
    <t xml:space="preserve">บริษัท ประชารัฐรักสามัคคีสระบุรี (วิสาหกิจเพื่อสังคม) จำกัด </t>
  </si>
  <si>
    <t xml:space="preserve">บริษัท ประชารับรักสามัคคีสงขลา (วิสาหกิจเพื่อสังคม) จำกัด </t>
  </si>
  <si>
    <t>บริษัท ประชารัฐรักสามัคคีนครราชสีมา (วิสาหกิจเพื่อสังคม) จำกัด</t>
  </si>
  <si>
    <t>บริษัท สาเปเปอร์ จำกัด</t>
  </si>
  <si>
    <t>บริษัท ลำปางศิลปนคร จำกัด</t>
  </si>
  <si>
    <t xml:space="preserve">บริษัท อุตสาหกรรมกระดาษซินกวงฮั้ว (ประเทศไทย) จำกัด </t>
  </si>
  <si>
    <t xml:space="preserve">บริษัท ประชารัฐรักสามัคคียโสธร (วิสาหกิจเพื่อสังคม) จำกัด </t>
  </si>
  <si>
    <t>บริษัท ริชชี่ไรซ์ โปรดักส์ จำกัด</t>
  </si>
  <si>
    <t>บริษัท ประชารัฐรักสามัคคีสุราฎร์ธานี (วิสาหกิจเพื่อสังคม) จำกัด</t>
  </si>
  <si>
    <t>บริษัท ประชารัฐรักสามัคคีประจวบคีรีขันธ์ (วิสาหกิจเพื่อสังคม) จำกัด</t>
  </si>
  <si>
    <t>ดลมณี Don Manee</t>
  </si>
  <si>
    <t>นายอัศวิน  ไขรัศมี</t>
  </si>
  <si>
    <t>คุณนุจรินทร์  สุวรรณชาตรี</t>
  </si>
  <si>
    <t>คุณอนันต์</t>
  </si>
  <si>
    <t>คุณเสถียร</t>
  </si>
  <si>
    <t>นางสาววัชรีพร  คงวิลาด</t>
  </si>
  <si>
    <t>คุณแป้ง</t>
  </si>
  <si>
    <t>คุณชลิตา  สรกุล</t>
  </si>
  <si>
    <t>นางสาววิมพ์วิภา  โพธิวิจิตร</t>
  </si>
  <si>
    <t>คุณแดง</t>
  </si>
  <si>
    <t>108 ถนนนริศร ตำบลตลาดใหญ่ อำเภอเมืองภูเก็ต จังหวัดภูเก็ต</t>
  </si>
  <si>
    <t xml:space="preserve">188  หมู่ 1 ตำบลกมลาไสย  อำเภอกมลาไสย จังหวัดกาสินธุ์ </t>
  </si>
  <si>
    <t xml:space="preserve">500  หมู่ 7 ถนนชยางกูร ตำบลบุ่ง  อำเภอเมือง  จังหวัดอำนาจเจริญ  </t>
  </si>
  <si>
    <t xml:space="preserve">146 หมู่ 1 บ้านดอนไก่ดี ซอย 6 ตำบล ดอนไก่ดี อำเภอกระทุ่มแบน สมุทรสาคร </t>
  </si>
  <si>
    <t xml:space="preserve">สำนักงานใหญ่  139/4 หมู่ที่  1 ตำบลพุแค  อำเภอเฉลิมพระเกียรติ  จังหวัดสระบุรี  </t>
  </si>
  <si>
    <t xml:space="preserve">73 ซอย 5 ถนนเพชรเกษม ตำบลหาดใหญ่ อำเภอหาดใหญ่ จังหวัดสงขลา </t>
  </si>
  <si>
    <t>1919/4 ถนนเดชอุดม  ตำบลในเมือง อำเภอเมือง  จังหวัดนครราชสีมา</t>
  </si>
  <si>
    <t xml:space="preserve">42 ถนนสนามบิน	ตำบลหัวเวียง  อำเภอเมืองลำปาง  จังหวัดลำปาง  </t>
  </si>
  <si>
    <t xml:space="preserve">165 หมู่ 6 ถนน พหลโยธิน ตำบล ชมพู เมือง ลำปาง </t>
  </si>
  <si>
    <t xml:space="preserve">59 หมู่ 8 ถ.พระราม 2 ต.บางกระเจ้า อ.เมือง จ.สมุทรสาคร  </t>
  </si>
  <si>
    <t xml:space="preserve">เลขที่ 1 ถนนประปา ตำบลในเมือง อำเภอเมือง จังหวัดยโสธร </t>
  </si>
  <si>
    <t xml:space="preserve">14/15 ซอยตรอกครูฉ่ำ  ตำบลคูหาสวรรค์  อำเภอเมือง  จังหวัดพัทลุง </t>
  </si>
  <si>
    <t xml:space="preserve"> 531/29 ถ.ชนเกษม ซอย 22 ต.ตลาด อ.เมือง จ.สุราษฎร์ธานี </t>
  </si>
  <si>
    <t xml:space="preserve">1 ถนนก้องเกียรติ ต.ประจวบคีรีขันธ์ อ.เมืองประจวบคีรีขันธ์ จ.ประจวบคีรีขันธ์	</t>
  </si>
  <si>
    <t>ภูเก็ต</t>
  </si>
  <si>
    <t xml:space="preserve">สระบุรี  </t>
  </si>
  <si>
    <t>098-915-6284</t>
  </si>
  <si>
    <t>034-473471 , 089-9188978,084-1423769</t>
  </si>
  <si>
    <t>085-123-7365</t>
  </si>
  <si>
    <t>093-321-0917, 084-686-8303 ,086-989-2222</t>
  </si>
  <si>
    <t>084 - 047 - 9762</t>
  </si>
  <si>
    <t>098-750-1871,054-811616,054-811567</t>
  </si>
  <si>
    <t>081-889-1011,092-950-4122,034-839508</t>
  </si>
  <si>
    <t>045-711342 , 086-352-4282</t>
  </si>
  <si>
    <t>074-611703 / 080-5997844 / 082-2658989 / 085-640-4862</t>
  </si>
  <si>
    <t>092-251-6389</t>
  </si>
  <si>
    <t>0956186438</t>
  </si>
  <si>
    <t>089-9188978,084-1423769</t>
  </si>
  <si>
    <t>093-581-8863</t>
  </si>
  <si>
    <t>081-547-5951</t>
  </si>
  <si>
    <t>thaipaper</t>
  </si>
  <si>
    <t>ประชารัฐรักสามัคคีสงขลา วิสาหกิจเพื่อสังคม</t>
  </si>
  <si>
    <t>Lampang Silpanakorn</t>
  </si>
  <si>
    <t>บริษัท ประชารัฐรักสามัคคียโสธร - วิสาหกิจเพื่อสังคม จำกัด</t>
  </si>
  <si>
    <t>เกี่ยวข้าว By บริษัท ริชชี่ไรซ์ โปรดักส์</t>
  </si>
  <si>
    <t>sephuket2016@gmail.com</t>
  </si>
  <si>
    <t>dangbenjarong@hotmail.com</t>
  </si>
  <si>
    <t>prssongkla@gmail.com</t>
  </si>
  <si>
    <t>prskorat@hotmail.com</t>
  </si>
  <si>
    <t>thaipaper@gmail.com</t>
  </si>
  <si>
    <t>lpsnmail@gmail.com</t>
  </si>
  <si>
    <t>sathein69@hotmail.com</t>
  </si>
  <si>
    <t>yasothon.se@hotmail.com</t>
  </si>
  <si>
    <t>richyriceproducts@hotmail.com</t>
  </si>
  <si>
    <t>http://www.otoplampang.com/page/4594648741</t>
  </si>
  <si>
    <t>http://www.richyrice.com/</t>
  </si>
  <si>
    <t>สุราษฎร์ธานี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13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5" xfId="0" applyNumberFormat="1" applyFont="1" applyFill="1" applyBorder="1" applyAlignment="1">
      <alignment vertical="center"/>
    </xf>
    <xf numFmtId="0" fontId="2" fillId="4" borderId="5" xfId="0" quotePrefix="1" applyNumberFormat="1" applyFont="1" applyFill="1" applyBorder="1" applyAlignment="1">
      <alignment vertical="center"/>
    </xf>
    <xf numFmtId="0" fontId="2" fillId="4" borderId="5" xfId="0" applyNumberFormat="1" applyFont="1" applyFill="1" applyBorder="1" applyAlignment="1">
      <alignment vertical="center" wrapText="1"/>
    </xf>
    <xf numFmtId="0" fontId="4" fillId="4" borderId="5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otoplampang.com/page/4594648741" TargetMode="External"/><Relationship Id="rId2" Type="http://schemas.openxmlformats.org/officeDocument/2006/relationships/hyperlink" Target="mailto:richyriceproducts@hotmail.com" TargetMode="External"/><Relationship Id="rId1" Type="http://schemas.openxmlformats.org/officeDocument/2006/relationships/hyperlink" Target="mailto:prskorat@hot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20"/>
  <sheetViews>
    <sheetView showGridLines="0" tabSelected="1" topLeftCell="E13" workbookViewId="0">
      <selection activeCell="I22" sqref="I22"/>
    </sheetView>
  </sheetViews>
  <sheetFormatPr defaultColWidth="16.36328125" defaultRowHeight="19.899999999999999" customHeight="1"/>
  <cols>
    <col min="1" max="1" width="64.453125" style="4" bestFit="1" customWidth="1"/>
    <col min="2" max="2" width="20.36328125" style="4" bestFit="1" customWidth="1"/>
    <col min="3" max="3" width="36.453125" style="4" bestFit="1" customWidth="1"/>
    <col min="4" max="4" width="121.7265625" style="4" bestFit="1" customWidth="1"/>
    <col min="5" max="8" width="16.36328125" style="4" customWidth="1"/>
    <col min="9" max="9" width="85.81640625" style="4" bestFit="1" customWidth="1"/>
    <col min="10" max="10" width="34.54296875" style="4" bestFit="1" customWidth="1"/>
    <col min="11" max="12" width="16.36328125" style="4" customWidth="1"/>
    <col min="13" max="16384" width="16.36328125" style="4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5" t="s">
        <v>1</v>
      </c>
      <c r="B2" s="6" t="s">
        <v>2</v>
      </c>
      <c r="C2" s="5" t="s">
        <v>3</v>
      </c>
      <c r="D2" s="5" t="s">
        <v>4</v>
      </c>
      <c r="E2" s="5" t="s">
        <v>5</v>
      </c>
      <c r="F2" s="5" t="s">
        <v>6</v>
      </c>
      <c r="G2" s="5" t="s">
        <v>7</v>
      </c>
      <c r="H2" s="5" t="s">
        <v>8</v>
      </c>
      <c r="I2" s="5" t="s">
        <v>9</v>
      </c>
      <c r="J2" s="5" t="s">
        <v>10</v>
      </c>
      <c r="K2" s="5" t="s">
        <v>11</v>
      </c>
    </row>
    <row r="3" spans="1:11" ht="22.4" customHeight="1">
      <c r="A3" s="7"/>
      <c r="B3" s="8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19.899999999999999" customHeight="1">
      <c r="A4" s="9" t="s">
        <v>42</v>
      </c>
      <c r="B4" s="4" t="s">
        <v>13</v>
      </c>
      <c r="C4" s="9"/>
      <c r="D4" s="11" t="s">
        <v>66</v>
      </c>
      <c r="E4" s="9">
        <v>83000</v>
      </c>
      <c r="F4" s="11" t="s">
        <v>80</v>
      </c>
      <c r="G4" s="9"/>
      <c r="H4" s="9"/>
      <c r="I4" s="9"/>
      <c r="J4" s="9" t="s">
        <v>101</v>
      </c>
      <c r="K4" s="9"/>
    </row>
    <row r="5" spans="1:11" ht="19.899999999999999" customHeight="1">
      <c r="A5" s="9" t="s">
        <v>43</v>
      </c>
      <c r="B5" s="4" t="s">
        <v>13</v>
      </c>
      <c r="C5" s="9"/>
      <c r="D5" s="11" t="s">
        <v>67</v>
      </c>
      <c r="E5" s="9">
        <v>46130</v>
      </c>
      <c r="F5" s="11" t="s">
        <v>25</v>
      </c>
      <c r="G5" s="9" t="s">
        <v>82</v>
      </c>
      <c r="H5" s="9"/>
      <c r="I5" s="9"/>
      <c r="J5" s="9"/>
      <c r="K5" s="9"/>
    </row>
    <row r="6" spans="1:11" ht="19.899999999999999" customHeight="1">
      <c r="A6" s="9" t="s">
        <v>44</v>
      </c>
      <c r="B6" s="4" t="s">
        <v>13</v>
      </c>
      <c r="C6" s="9"/>
      <c r="D6" s="11" t="s">
        <v>68</v>
      </c>
      <c r="E6" s="9">
        <v>37000</v>
      </c>
      <c r="F6" s="11" t="s">
        <v>26</v>
      </c>
      <c r="G6" s="9" t="s">
        <v>29</v>
      </c>
      <c r="H6" s="10" t="s">
        <v>92</v>
      </c>
      <c r="I6" s="9"/>
      <c r="J6" s="9"/>
      <c r="K6" s="9"/>
    </row>
    <row r="7" spans="1:11" ht="19.899999999999999" customHeight="1">
      <c r="A7" s="9" t="s">
        <v>19</v>
      </c>
      <c r="B7" s="4" t="s">
        <v>13</v>
      </c>
      <c r="C7" s="9" t="s">
        <v>21</v>
      </c>
      <c r="D7" s="11" t="s">
        <v>23</v>
      </c>
      <c r="E7" s="9">
        <v>56000</v>
      </c>
      <c r="F7" s="11" t="s">
        <v>17</v>
      </c>
      <c r="G7" s="9" t="s">
        <v>31</v>
      </c>
      <c r="H7" s="9"/>
      <c r="I7" s="9" t="s">
        <v>34</v>
      </c>
      <c r="J7" s="9" t="s">
        <v>36</v>
      </c>
      <c r="K7" s="9"/>
    </row>
    <row r="8" spans="1:11" ht="19.899999999999999" customHeight="1">
      <c r="A8" s="9" t="s">
        <v>38</v>
      </c>
      <c r="B8" s="4" t="s">
        <v>13</v>
      </c>
      <c r="C8" s="9" t="s">
        <v>64</v>
      </c>
      <c r="D8" s="11" t="s">
        <v>22</v>
      </c>
      <c r="E8" s="9">
        <v>11140</v>
      </c>
      <c r="F8" s="11" t="s">
        <v>14</v>
      </c>
      <c r="G8" s="9" t="s">
        <v>39</v>
      </c>
      <c r="H8" s="9" t="s">
        <v>39</v>
      </c>
      <c r="I8" s="9"/>
      <c r="J8" s="9"/>
      <c r="K8" s="9"/>
    </row>
    <row r="9" spans="1:11" ht="19.899999999999999" customHeight="1">
      <c r="A9" s="9" t="s">
        <v>56</v>
      </c>
      <c r="B9" s="4" t="s">
        <v>13</v>
      </c>
      <c r="C9" s="9" t="s">
        <v>20</v>
      </c>
      <c r="D9" s="11" t="s">
        <v>22</v>
      </c>
      <c r="E9" s="9">
        <v>70000</v>
      </c>
      <c r="F9" s="11" t="s">
        <v>14</v>
      </c>
      <c r="G9" s="9" t="s">
        <v>30</v>
      </c>
      <c r="H9" s="9" t="s">
        <v>32</v>
      </c>
      <c r="I9" s="9" t="s">
        <v>33</v>
      </c>
      <c r="J9" s="9" t="s">
        <v>35</v>
      </c>
      <c r="K9" s="9"/>
    </row>
    <row r="10" spans="1:11" ht="19.899999999999999" customHeight="1">
      <c r="A10" s="9" t="s">
        <v>45</v>
      </c>
      <c r="B10" s="4" t="s">
        <v>13</v>
      </c>
      <c r="C10" s="9" t="s">
        <v>65</v>
      </c>
      <c r="D10" s="11" t="s">
        <v>69</v>
      </c>
      <c r="E10" s="9">
        <v>74110</v>
      </c>
      <c r="F10" s="11" t="s">
        <v>41</v>
      </c>
      <c r="G10" s="9" t="s">
        <v>83</v>
      </c>
      <c r="H10" s="9" t="s">
        <v>93</v>
      </c>
      <c r="I10" s="9" t="s">
        <v>45</v>
      </c>
      <c r="J10" s="9" t="s">
        <v>102</v>
      </c>
      <c r="K10" s="9"/>
    </row>
    <row r="11" spans="1:11" ht="19.899999999999999" customHeight="1">
      <c r="A11" s="9" t="s">
        <v>46</v>
      </c>
      <c r="B11" s="4" t="s">
        <v>13</v>
      </c>
      <c r="C11" s="9" t="s">
        <v>57</v>
      </c>
      <c r="D11" s="11" t="s">
        <v>70</v>
      </c>
      <c r="E11" s="9">
        <v>18240</v>
      </c>
      <c r="F11" s="11" t="s">
        <v>81</v>
      </c>
      <c r="G11" s="9" t="s">
        <v>84</v>
      </c>
      <c r="H11" s="9" t="s">
        <v>84</v>
      </c>
      <c r="I11" s="10"/>
      <c r="J11" s="9"/>
      <c r="K11" s="9"/>
    </row>
    <row r="12" spans="1:11" ht="19.899999999999999" customHeight="1">
      <c r="A12" s="9" t="s">
        <v>47</v>
      </c>
      <c r="B12" s="4" t="s">
        <v>13</v>
      </c>
      <c r="C12" s="9" t="s">
        <v>58</v>
      </c>
      <c r="D12" s="11" t="s">
        <v>71</v>
      </c>
      <c r="E12" s="9">
        <v>90110</v>
      </c>
      <c r="F12" s="11" t="s">
        <v>16</v>
      </c>
      <c r="G12" s="9" t="s">
        <v>40</v>
      </c>
      <c r="H12" s="9" t="s">
        <v>94</v>
      </c>
      <c r="I12" s="10" t="s">
        <v>97</v>
      </c>
      <c r="J12" s="9" t="s">
        <v>103</v>
      </c>
      <c r="K12" s="9"/>
    </row>
    <row r="13" spans="1:11" ht="19.899999999999999" customHeight="1">
      <c r="A13" s="9" t="s">
        <v>48</v>
      </c>
      <c r="B13" s="4" t="s">
        <v>13</v>
      </c>
      <c r="C13" s="9"/>
      <c r="D13" s="11" t="s">
        <v>72</v>
      </c>
      <c r="E13" s="9">
        <v>30000</v>
      </c>
      <c r="F13" s="11" t="s">
        <v>24</v>
      </c>
      <c r="G13" s="9" t="s">
        <v>85</v>
      </c>
      <c r="H13" s="9" t="s">
        <v>95</v>
      </c>
      <c r="I13" s="10"/>
      <c r="J13" s="12" t="s">
        <v>104</v>
      </c>
      <c r="K13" s="12"/>
    </row>
    <row r="14" spans="1:11" ht="19.899999999999999" customHeight="1">
      <c r="A14" s="9" t="s">
        <v>49</v>
      </c>
      <c r="B14" s="4" t="s">
        <v>13</v>
      </c>
      <c r="C14" s="9" t="s">
        <v>59</v>
      </c>
      <c r="D14" s="11" t="s">
        <v>73</v>
      </c>
      <c r="E14" s="9">
        <v>52000</v>
      </c>
      <c r="F14" s="11" t="s">
        <v>27</v>
      </c>
      <c r="G14" s="9" t="s">
        <v>86</v>
      </c>
      <c r="H14" s="9" t="s">
        <v>96</v>
      </c>
      <c r="I14" s="10"/>
      <c r="J14" s="9" t="s">
        <v>105</v>
      </c>
      <c r="K14" s="12" t="s">
        <v>110</v>
      </c>
    </row>
    <row r="15" spans="1:11" ht="19.899999999999999" customHeight="1">
      <c r="A15" s="9" t="s">
        <v>50</v>
      </c>
      <c r="B15" s="4" t="s">
        <v>13</v>
      </c>
      <c r="C15" s="9"/>
      <c r="D15" s="11" t="s">
        <v>74</v>
      </c>
      <c r="E15" s="9">
        <v>52100</v>
      </c>
      <c r="F15" s="11" t="s">
        <v>27</v>
      </c>
      <c r="G15" s="9" t="s">
        <v>87</v>
      </c>
      <c r="H15" s="9"/>
      <c r="I15" s="10" t="s">
        <v>98</v>
      </c>
      <c r="J15" s="9" t="s">
        <v>106</v>
      </c>
      <c r="K15" s="9"/>
    </row>
    <row r="16" spans="1:11" ht="19.899999999999999" customHeight="1">
      <c r="A16" s="10" t="s">
        <v>51</v>
      </c>
      <c r="B16" s="4" t="s">
        <v>13</v>
      </c>
      <c r="C16" s="9" t="s">
        <v>60</v>
      </c>
      <c r="D16" s="11" t="s">
        <v>75</v>
      </c>
      <c r="E16" s="9">
        <v>74000</v>
      </c>
      <c r="F16" s="11" t="s">
        <v>41</v>
      </c>
      <c r="G16" s="9" t="s">
        <v>88</v>
      </c>
      <c r="H16" s="9"/>
      <c r="I16" s="10"/>
      <c r="J16" s="9" t="s">
        <v>107</v>
      </c>
      <c r="K16" s="9"/>
    </row>
    <row r="17" spans="1:11" ht="19.899999999999999" customHeight="1">
      <c r="A17" s="9" t="s">
        <v>52</v>
      </c>
      <c r="B17" s="4" t="s">
        <v>13</v>
      </c>
      <c r="C17" s="9" t="s">
        <v>61</v>
      </c>
      <c r="D17" s="11" t="s">
        <v>76</v>
      </c>
      <c r="E17" s="9">
        <v>35000</v>
      </c>
      <c r="F17" s="11" t="s">
        <v>28</v>
      </c>
      <c r="G17" s="9" t="s">
        <v>89</v>
      </c>
      <c r="H17" s="9"/>
      <c r="I17" s="9" t="s">
        <v>99</v>
      </c>
      <c r="J17" s="9" t="s">
        <v>108</v>
      </c>
      <c r="K17" s="9"/>
    </row>
    <row r="18" spans="1:11" ht="19.899999999999999" customHeight="1">
      <c r="A18" s="9" t="s">
        <v>53</v>
      </c>
      <c r="B18" s="4" t="s">
        <v>13</v>
      </c>
      <c r="C18" s="9" t="s">
        <v>62</v>
      </c>
      <c r="D18" s="11" t="s">
        <v>77</v>
      </c>
      <c r="E18" s="9">
        <v>9300</v>
      </c>
      <c r="F18" s="11" t="s">
        <v>37</v>
      </c>
      <c r="G18" s="9" t="s">
        <v>90</v>
      </c>
      <c r="H18" s="9"/>
      <c r="I18" s="10" t="s">
        <v>100</v>
      </c>
      <c r="J18" s="12" t="s">
        <v>109</v>
      </c>
      <c r="K18" s="9" t="s">
        <v>111</v>
      </c>
    </row>
    <row r="19" spans="1:11" ht="19.899999999999999" customHeight="1">
      <c r="A19" s="9" t="s">
        <v>54</v>
      </c>
      <c r="B19" s="4" t="s">
        <v>13</v>
      </c>
      <c r="C19" s="9" t="s">
        <v>63</v>
      </c>
      <c r="D19" s="11" t="s">
        <v>78</v>
      </c>
      <c r="E19" s="9">
        <v>8400</v>
      </c>
      <c r="F19" s="11" t="s">
        <v>112</v>
      </c>
      <c r="G19" s="9" t="s">
        <v>91</v>
      </c>
      <c r="H19" s="9"/>
      <c r="I19" s="10"/>
      <c r="J19" s="9"/>
      <c r="K19" s="9"/>
    </row>
    <row r="20" spans="1:11" ht="19.899999999999999" customHeight="1">
      <c r="A20" s="9" t="s">
        <v>55</v>
      </c>
      <c r="B20" s="4" t="s">
        <v>13</v>
      </c>
      <c r="C20" s="9"/>
      <c r="D20" s="11" t="s">
        <v>79</v>
      </c>
      <c r="E20" s="9">
        <v>77000</v>
      </c>
      <c r="F20" s="11" t="s">
        <v>15</v>
      </c>
      <c r="G20" s="9" t="s">
        <v>18</v>
      </c>
      <c r="H20" s="9"/>
      <c r="I20" s="10"/>
      <c r="J20" s="9"/>
      <c r="K20" s="9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13" r:id="rId1" xr:uid="{AB136428-3CA9-4FED-B869-8E2A15EFEDC9}"/>
    <hyperlink ref="J18" r:id="rId2" xr:uid="{526B7BF7-6615-4FB6-8C58-D684D42ABFAA}"/>
    <hyperlink ref="K14" r:id="rId3" xr:uid="{40C99176-BED4-4035-A737-1E69191A25CB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8:59:22Z</dcterms:modified>
</cp:coreProperties>
</file>